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vsdx" ContentType="application/vnd.ms-visio.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6"/>
  </p:sldMasterIdLst>
  <p:notesMasterIdLst>
    <p:notesMasterId r:id="rId24"/>
  </p:notesMasterIdLst>
  <p:handoutMasterIdLst>
    <p:handoutMasterId r:id="rId25"/>
  </p:handoutMasterIdLst>
  <p:sldIdLst>
    <p:sldId id="271" r:id="rId17"/>
    <p:sldId id="270" r:id="rId18"/>
    <p:sldId id="272" r:id="rId19"/>
    <p:sldId id="273" r:id="rId20"/>
    <p:sldId id="274" r:id="rId21"/>
    <p:sldId id="275" r:id="rId22"/>
    <p:sldId id="261" r:id="rId23"/>
  </p:sldIdLst>
  <p:sldSz cx="12192000" cy="6858000"/>
  <p:notesSz cx="6858000" cy="9144000"/>
  <p:embeddedFontLst>
    <p:embeddedFont>
      <p:font typeface="Ericsson Hilda" panose="00000500000000000000" pitchFamily="2" charset="0"/>
      <p:regular r:id="rId26"/>
      <p:bold r:id="rId27"/>
      <p:italic r:id="rId28"/>
      <p:boldItalic r:id="rId29"/>
    </p:embeddedFont>
    <p:embeddedFont>
      <p:font typeface="Ericsson Hilda ExtraBold" panose="00000900000000000000" pitchFamily="2" charset="0"/>
      <p:bold r:id="rId30"/>
    </p:embeddedFont>
    <p:embeddedFont>
      <p:font typeface="Ericsson Hilda ExtraLight" panose="00000300000000000000" pitchFamily="2" charset="0"/>
      <p:regular r:id="rId31"/>
    </p:embeddedFont>
    <p:embeddedFont>
      <p:font typeface="Ericsson Hilda Light" panose="00000400000000000000" pitchFamily="2" charset="0"/>
      <p:regular r:id="rId32"/>
      <p:italic r:id="rId33"/>
    </p:embeddedFont>
    <p:embeddedFont>
      <p:font typeface="Ericsson Technical Icons" panose="020B0604020202020204" charset="0"/>
      <p:regular r:id="rId34"/>
      <p:bold r:id="rId35"/>
      <p:italic r:id="rId36"/>
      <p:boldItalic r:id="rId37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697588D-51D3-45E6-8ACB-0936F0A92B3E}" v="11" dt="2023-04-04T10:29:05.86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7027" autoAdjust="0"/>
    <p:restoredTop sz="93000" autoAdjust="0"/>
  </p:normalViewPr>
  <p:slideViewPr>
    <p:cSldViewPr snapToGrid="0" snapToObjects="1" showGuides="1">
      <p:cViewPr varScale="1">
        <p:scale>
          <a:sx n="111" d="100"/>
          <a:sy n="111" d="100"/>
        </p:scale>
        <p:origin x="1020" y="11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font" Target="fonts/font1.fntdata"/><Relationship Id="rId39" Type="http://schemas.openxmlformats.org/officeDocument/2006/relationships/viewProps" Target="viewProps.xml"/><Relationship Id="rId21" Type="http://schemas.openxmlformats.org/officeDocument/2006/relationships/slide" Target="slides/slide5.xml"/><Relationship Id="rId34" Type="http://schemas.openxmlformats.org/officeDocument/2006/relationships/font" Target="fonts/font9.fntdata"/><Relationship Id="rId42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font" Target="fonts/font4.fntdata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32" Type="http://schemas.openxmlformats.org/officeDocument/2006/relationships/font" Target="fonts/font7.fntdata"/><Relationship Id="rId37" Type="http://schemas.openxmlformats.org/officeDocument/2006/relationships/font" Target="fonts/font12.fntdata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font" Target="fonts/font3.fntdata"/><Relationship Id="rId36" Type="http://schemas.openxmlformats.org/officeDocument/2006/relationships/font" Target="fonts/font11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font" Target="fonts/font2.fntdata"/><Relationship Id="rId30" Type="http://schemas.openxmlformats.org/officeDocument/2006/relationships/font" Target="fonts/font5.fntdata"/><Relationship Id="rId35" Type="http://schemas.openxmlformats.org/officeDocument/2006/relationships/font" Target="fonts/font10.fntdata"/><Relationship Id="rId43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handoutMaster" Target="handoutMasters/handoutMaster1.xml"/><Relationship Id="rId33" Type="http://schemas.openxmlformats.org/officeDocument/2006/relationships/font" Target="fonts/font8.fntdata"/><Relationship Id="rId38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ttila Mihály" userId="d20a1af6-0810-4be3-b281-5ed19be0cb74" providerId="ADAL" clId="{EE1968AB-31C2-4358-AB1A-D75F199D3D30}"/>
    <pc:docChg chg="custSel addSld modSld modMainMaster">
      <pc:chgData name="Attila Mihály" userId="d20a1af6-0810-4be3-b281-5ed19be0cb74" providerId="ADAL" clId="{EE1968AB-31C2-4358-AB1A-D75F199D3D30}" dt="2023-03-17T09:29:51.312" v="403" actId="27636"/>
      <pc:docMkLst>
        <pc:docMk/>
      </pc:docMkLst>
      <pc:sldChg chg="modSp mod">
        <pc:chgData name="Attila Mihály" userId="d20a1af6-0810-4be3-b281-5ed19be0cb74" providerId="ADAL" clId="{EE1968AB-31C2-4358-AB1A-D75F199D3D30}" dt="2023-03-17T09:15:08.377" v="68" actId="20577"/>
        <pc:sldMkLst>
          <pc:docMk/>
          <pc:sldMk cId="2604203220" sldId="272"/>
        </pc:sldMkLst>
        <pc:spChg chg="mod">
          <ac:chgData name="Attila Mihály" userId="d20a1af6-0810-4be3-b281-5ed19be0cb74" providerId="ADAL" clId="{EE1968AB-31C2-4358-AB1A-D75F199D3D30}" dt="2023-03-17T09:15:08.377" v="68" actId="20577"/>
          <ac:spMkLst>
            <pc:docMk/>
            <pc:sldMk cId="2604203220" sldId="272"/>
            <ac:spMk id="2" creationId="{B18B92FF-5F25-6FEE-0447-3DBBB13B46D3}"/>
          </ac:spMkLst>
        </pc:spChg>
      </pc:sldChg>
      <pc:sldChg chg="modSp mod">
        <pc:chgData name="Attila Mihály" userId="d20a1af6-0810-4be3-b281-5ed19be0cb74" providerId="ADAL" clId="{EE1968AB-31C2-4358-AB1A-D75F199D3D30}" dt="2023-03-17T09:29:51.312" v="403" actId="27636"/>
        <pc:sldMkLst>
          <pc:docMk/>
          <pc:sldMk cId="2303747461" sldId="273"/>
        </pc:sldMkLst>
        <pc:spChg chg="mod">
          <ac:chgData name="Attila Mihály" userId="d20a1af6-0810-4be3-b281-5ed19be0cb74" providerId="ADAL" clId="{EE1968AB-31C2-4358-AB1A-D75F199D3D30}" dt="2023-03-17T09:29:51.312" v="403" actId="27636"/>
          <ac:spMkLst>
            <pc:docMk/>
            <pc:sldMk cId="2303747461" sldId="273"/>
            <ac:spMk id="3" creationId="{1C41E020-6106-D824-01F3-763F39720C5D}"/>
          </ac:spMkLst>
        </pc:spChg>
      </pc:sldChg>
      <pc:sldChg chg="modSp mod">
        <pc:chgData name="Attila Mihály" userId="d20a1af6-0810-4be3-b281-5ed19be0cb74" providerId="ADAL" clId="{EE1968AB-31C2-4358-AB1A-D75F199D3D30}" dt="2023-03-17T09:25:42.201" v="238" actId="20577"/>
        <pc:sldMkLst>
          <pc:docMk/>
          <pc:sldMk cId="3569229440" sldId="274"/>
        </pc:sldMkLst>
        <pc:spChg chg="mod">
          <ac:chgData name="Attila Mihály" userId="d20a1af6-0810-4be3-b281-5ed19be0cb74" providerId="ADAL" clId="{EE1968AB-31C2-4358-AB1A-D75F199D3D30}" dt="2023-03-17T09:25:42.201" v="238" actId="20577"/>
          <ac:spMkLst>
            <pc:docMk/>
            <pc:sldMk cId="3569229440" sldId="274"/>
            <ac:spMk id="3" creationId="{1C41E020-6106-D824-01F3-763F39720C5D}"/>
          </ac:spMkLst>
        </pc:spChg>
      </pc:sldChg>
      <pc:sldChg chg="modSp new mod">
        <pc:chgData name="Attila Mihály" userId="d20a1af6-0810-4be3-b281-5ed19be0cb74" providerId="ADAL" clId="{EE1968AB-31C2-4358-AB1A-D75F199D3D30}" dt="2023-03-17T09:28:52.824" v="397" actId="20577"/>
        <pc:sldMkLst>
          <pc:docMk/>
          <pc:sldMk cId="1277358667" sldId="275"/>
        </pc:sldMkLst>
        <pc:spChg chg="mod">
          <ac:chgData name="Attila Mihály" userId="d20a1af6-0810-4be3-b281-5ed19be0cb74" providerId="ADAL" clId="{EE1968AB-31C2-4358-AB1A-D75F199D3D30}" dt="2023-03-17T09:26:28.241" v="249" actId="20577"/>
          <ac:spMkLst>
            <pc:docMk/>
            <pc:sldMk cId="1277358667" sldId="275"/>
            <ac:spMk id="2" creationId="{6D5C7585-2A0C-FDE6-B1E8-F812BD37CB4C}"/>
          </ac:spMkLst>
        </pc:spChg>
        <pc:spChg chg="mod">
          <ac:chgData name="Attila Mihály" userId="d20a1af6-0810-4be3-b281-5ed19be0cb74" providerId="ADAL" clId="{EE1968AB-31C2-4358-AB1A-D75F199D3D30}" dt="2023-03-17T09:28:52.824" v="397" actId="20577"/>
          <ac:spMkLst>
            <pc:docMk/>
            <pc:sldMk cId="1277358667" sldId="275"/>
            <ac:spMk id="3" creationId="{8F159493-149E-EF5F-C1E5-C158E743D15B}"/>
          </ac:spMkLst>
        </pc:spChg>
      </pc:sldChg>
      <pc:sldMasterChg chg="modSldLayout">
        <pc:chgData name="Attila Mihály" userId="d20a1af6-0810-4be3-b281-5ed19be0cb74" providerId="ADAL" clId="{EE1968AB-31C2-4358-AB1A-D75F199D3D30}" dt="2023-03-17T09:05:15.172" v="43" actId="20577"/>
        <pc:sldMasterMkLst>
          <pc:docMk/>
          <pc:sldMasterMk cId="2523064765" sldId="2147483660"/>
        </pc:sldMasterMkLst>
        <pc:sldLayoutChg chg="modSp mod">
          <pc:chgData name="Attila Mihály" userId="d20a1af6-0810-4be3-b281-5ed19be0cb74" providerId="ADAL" clId="{EE1968AB-31C2-4358-AB1A-D75F199D3D30}" dt="2023-03-17T09:05:15.013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Attila Mihály" userId="d20a1af6-0810-4be3-b281-5ed19be0cb74" providerId="ADAL" clId="{EE1968AB-31C2-4358-AB1A-D75F199D3D30}" dt="2023-03-17T09:05:15.013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Attila Mihály" userId="d20a1af6-0810-4be3-b281-5ed19be0cb74" providerId="ADAL" clId="{EE1968AB-31C2-4358-AB1A-D75F199D3D30}" dt="2023-03-17T09:05:15.056" v="1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Attila Mihály" userId="d20a1af6-0810-4be3-b281-5ed19be0cb74" providerId="ADAL" clId="{EE1968AB-31C2-4358-AB1A-D75F199D3D30}" dt="2023-03-17T09:05:15.056" v="1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Attila Mihály" userId="d20a1af6-0810-4be3-b281-5ed19be0cb74" providerId="ADAL" clId="{EE1968AB-31C2-4358-AB1A-D75F199D3D30}" dt="2023-03-17T09:05:15.113" v="27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Attila Mihály" userId="d20a1af6-0810-4be3-b281-5ed19be0cb74" providerId="ADAL" clId="{EE1968AB-31C2-4358-AB1A-D75F199D3D30}" dt="2023-03-17T09:05:15.113" v="27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Attila Mihály" userId="d20a1af6-0810-4be3-b281-5ed19be0cb74" providerId="ADAL" clId="{EE1968AB-31C2-4358-AB1A-D75F199D3D30}" dt="2023-03-17T09:05:15.152" v="35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Attila Mihály" userId="d20a1af6-0810-4be3-b281-5ed19be0cb74" providerId="ADAL" clId="{EE1968AB-31C2-4358-AB1A-D75F199D3D30}" dt="2023-03-17T09:05:15.152" v="35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Attila Mihály" userId="d20a1af6-0810-4be3-b281-5ed19be0cb74" providerId="ADAL" clId="{EE1968AB-31C2-4358-AB1A-D75F199D3D30}" dt="2023-03-17T09:05:15.172" v="4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Attila Mihály" userId="d20a1af6-0810-4be3-b281-5ed19be0cb74" providerId="ADAL" clId="{EE1968AB-31C2-4358-AB1A-D75F199D3D30}" dt="2023-03-17T09:05:15.172" v="4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Attila Mihály" userId="d20a1af6-0810-4be3-b281-5ed19be0cb74" providerId="ADAL" clId="{EE1968AB-31C2-4358-AB1A-D75F199D3D30}" dt="2023-03-17T09:05:15.164" v="3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Attila Mihály" userId="d20a1af6-0810-4be3-b281-5ed19be0cb74" providerId="ADAL" clId="{EE1968AB-31C2-4358-AB1A-D75F199D3D30}" dt="2023-03-17T09:05:15.164" v="3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Attila Mihály" userId="d20a1af6-0810-4be3-b281-5ed19be0cb74" providerId="ADAL" clId="{EE1968AB-31C2-4358-AB1A-D75F199D3D30}" dt="2023-03-17T09:05:15.094" v="23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Attila Mihály" userId="d20a1af6-0810-4be3-b281-5ed19be0cb74" providerId="ADAL" clId="{EE1968AB-31C2-4358-AB1A-D75F199D3D30}" dt="2023-03-17T09:05:15.094" v="23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Attila Mihály" userId="d20a1af6-0810-4be3-b281-5ed19be0cb74" providerId="ADAL" clId="{EE1968AB-31C2-4358-AB1A-D75F199D3D30}" dt="2023-03-17T09:05:15.137" v="31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Attila Mihály" userId="d20a1af6-0810-4be3-b281-5ed19be0cb74" providerId="ADAL" clId="{EE1968AB-31C2-4358-AB1A-D75F199D3D30}" dt="2023-03-17T09:05:15.137" v="31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Attila Mihály" userId="d20a1af6-0810-4be3-b281-5ed19be0cb74" providerId="ADAL" clId="{EE1968AB-31C2-4358-AB1A-D75F199D3D30}" dt="2023-03-17T09:05:15.073" v="19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Attila Mihály" userId="d20a1af6-0810-4be3-b281-5ed19be0cb74" providerId="ADAL" clId="{EE1968AB-31C2-4358-AB1A-D75F199D3D30}" dt="2023-03-17T09:05:15.073" v="19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Attila Mihály" userId="d20a1af6-0810-4be3-b281-5ed19be0cb74" providerId="ADAL" clId="{EE1968AB-31C2-4358-AB1A-D75F199D3D30}" dt="2023-03-17T09:05:15.025" v="7" actId="20577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Attila Mihály" userId="d20a1af6-0810-4be3-b281-5ed19be0cb74" providerId="ADAL" clId="{EE1968AB-31C2-4358-AB1A-D75F199D3D30}" dt="2023-03-17T09:05:15.025" v="7" actId="20577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Attila Mihály" userId="d20a1af6-0810-4be3-b281-5ed19be0cb74" providerId="ADAL" clId="{EE1968AB-31C2-4358-AB1A-D75F199D3D30}" dt="2023-03-17T09:05:15.039" v="11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Attila Mihály" userId="d20a1af6-0810-4be3-b281-5ed19be0cb74" providerId="ADAL" clId="{EE1968AB-31C2-4358-AB1A-D75F199D3D30}" dt="2023-03-17T09:05:15.039" v="11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</pc:sldMasterChg>
    </pc:docChg>
  </pc:docChgLst>
  <pc:docChgLst>
    <pc:chgData name="Magnus Olsson M" userId="5263e420-ae1a-4209-8d4f-99cdd95813a5" providerId="ADAL" clId="{2697588D-51D3-45E6-8ACB-0936F0A92B3E}"/>
    <pc:docChg chg="custSel modMainMaster">
      <pc:chgData name="Magnus Olsson M" userId="5263e420-ae1a-4209-8d4f-99cdd95813a5" providerId="ADAL" clId="{2697588D-51D3-45E6-8ACB-0936F0A92B3E}" dt="2023-04-04T10:29:05.883" v="43" actId="20577"/>
      <pc:docMkLst>
        <pc:docMk/>
      </pc:docMkLst>
      <pc:sldMasterChg chg="modSldLayout">
        <pc:chgData name="Magnus Olsson M" userId="5263e420-ae1a-4209-8d4f-99cdd95813a5" providerId="ADAL" clId="{2697588D-51D3-45E6-8ACB-0936F0A92B3E}" dt="2023-04-04T10:29:05.883" v="43" actId="20577"/>
        <pc:sldMasterMkLst>
          <pc:docMk/>
          <pc:sldMasterMk cId="2523064765" sldId="2147483660"/>
        </pc:sldMasterMkLst>
        <pc:sldLayoutChg chg="modSp mod">
          <pc:chgData name="Magnus Olsson M" userId="5263e420-ae1a-4209-8d4f-99cdd95813a5" providerId="ADAL" clId="{2697588D-51D3-45E6-8ACB-0936F0A92B3E}" dt="2023-04-04T10:29:05.836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agnus Olsson M" userId="5263e420-ae1a-4209-8d4f-99cdd95813a5" providerId="ADAL" clId="{2697588D-51D3-45E6-8ACB-0936F0A92B3E}" dt="2023-04-04T10:29:05.836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agnus Olsson M" userId="5263e420-ae1a-4209-8d4f-99cdd95813a5" providerId="ADAL" clId="{2697588D-51D3-45E6-8ACB-0936F0A92B3E}" dt="2023-04-04T10:29:05.836" v="1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agnus Olsson M" userId="5263e420-ae1a-4209-8d4f-99cdd95813a5" providerId="ADAL" clId="{2697588D-51D3-45E6-8ACB-0936F0A92B3E}" dt="2023-04-04T10:29:05.836" v="1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agnus Olsson M" userId="5263e420-ae1a-4209-8d4f-99cdd95813a5" providerId="ADAL" clId="{2697588D-51D3-45E6-8ACB-0936F0A92B3E}" dt="2023-04-04T10:29:05.852" v="27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agnus Olsson M" userId="5263e420-ae1a-4209-8d4f-99cdd95813a5" providerId="ADAL" clId="{2697588D-51D3-45E6-8ACB-0936F0A92B3E}" dt="2023-04-04T10:29:05.852" v="27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agnus Olsson M" userId="5263e420-ae1a-4209-8d4f-99cdd95813a5" providerId="ADAL" clId="{2697588D-51D3-45E6-8ACB-0936F0A92B3E}" dt="2023-04-04T10:29:05.868" v="35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agnus Olsson M" userId="5263e420-ae1a-4209-8d4f-99cdd95813a5" providerId="ADAL" clId="{2697588D-51D3-45E6-8ACB-0936F0A92B3E}" dt="2023-04-04T10:29:05.868" v="35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agnus Olsson M" userId="5263e420-ae1a-4209-8d4f-99cdd95813a5" providerId="ADAL" clId="{2697588D-51D3-45E6-8ACB-0936F0A92B3E}" dt="2023-04-04T10:29:05.883" v="4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agnus Olsson M" userId="5263e420-ae1a-4209-8d4f-99cdd95813a5" providerId="ADAL" clId="{2697588D-51D3-45E6-8ACB-0936F0A92B3E}" dt="2023-04-04T10:29:05.883" v="4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agnus Olsson M" userId="5263e420-ae1a-4209-8d4f-99cdd95813a5" providerId="ADAL" clId="{2697588D-51D3-45E6-8ACB-0936F0A92B3E}" dt="2023-04-04T10:29:05.868" v="3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agnus Olsson M" userId="5263e420-ae1a-4209-8d4f-99cdd95813a5" providerId="ADAL" clId="{2697588D-51D3-45E6-8ACB-0936F0A92B3E}" dt="2023-04-04T10:29:05.868" v="3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agnus Olsson M" userId="5263e420-ae1a-4209-8d4f-99cdd95813a5" providerId="ADAL" clId="{2697588D-51D3-45E6-8ACB-0936F0A92B3E}" dt="2023-04-04T10:29:05.852" v="23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agnus Olsson M" userId="5263e420-ae1a-4209-8d4f-99cdd95813a5" providerId="ADAL" clId="{2697588D-51D3-45E6-8ACB-0936F0A92B3E}" dt="2023-04-04T10:29:05.852" v="23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agnus Olsson M" userId="5263e420-ae1a-4209-8d4f-99cdd95813a5" providerId="ADAL" clId="{2697588D-51D3-45E6-8ACB-0936F0A92B3E}" dt="2023-04-04T10:29:05.868" v="31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agnus Olsson M" userId="5263e420-ae1a-4209-8d4f-99cdd95813a5" providerId="ADAL" clId="{2697588D-51D3-45E6-8ACB-0936F0A92B3E}" dt="2023-04-04T10:29:05.868" v="31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agnus Olsson M" userId="5263e420-ae1a-4209-8d4f-99cdd95813a5" providerId="ADAL" clId="{2697588D-51D3-45E6-8ACB-0936F0A92B3E}" dt="2023-04-04T10:29:05.852" v="19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agnus Olsson M" userId="5263e420-ae1a-4209-8d4f-99cdd95813a5" providerId="ADAL" clId="{2697588D-51D3-45E6-8ACB-0936F0A92B3E}" dt="2023-04-04T10:29:05.852" v="19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Magnus Olsson M" userId="5263e420-ae1a-4209-8d4f-99cdd95813a5" providerId="ADAL" clId="{2697588D-51D3-45E6-8ACB-0936F0A92B3E}" dt="2023-04-04T10:29:05.836" v="7" actId="20577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Magnus Olsson M" userId="5263e420-ae1a-4209-8d4f-99cdd95813a5" providerId="ADAL" clId="{2697588D-51D3-45E6-8ACB-0936F0A92B3E}" dt="2023-04-04T10:29:05.836" v="7" actId="20577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Magnus Olsson M" userId="5263e420-ae1a-4209-8d4f-99cdd95813a5" providerId="ADAL" clId="{2697588D-51D3-45E6-8ACB-0936F0A92B3E}" dt="2023-04-04T10:29:05.836" v="11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Magnus Olsson M" userId="5263e420-ae1a-4209-8d4f-99cdd95813a5" providerId="ADAL" clId="{2697588D-51D3-45E6-8ACB-0936F0A92B3E}" dt="2023-04-04T10:29:05.836" v="11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</pc:sldMasterChg>
    </pc:docChg>
  </pc:docChgLst>
  <pc:docChgLst>
    <pc:chgData name="Attila Mihály" userId="d20a1af6-0810-4be3-b281-5ed19be0cb74" providerId="ADAL" clId="{376E70E7-89F9-4453-AB98-1130EE3E00C9}"/>
    <pc:docChg chg="undo custSel addSld modSld modMainMaster">
      <pc:chgData name="Attila Mihály" userId="d20a1af6-0810-4be3-b281-5ed19be0cb74" providerId="ADAL" clId="{376E70E7-89F9-4453-AB98-1130EE3E00C9}" dt="2023-03-09T14:01:07.529" v="1235" actId="20577"/>
      <pc:docMkLst>
        <pc:docMk/>
      </pc:docMkLst>
      <pc:sldChg chg="addSp delSp modSp mod modNotesTx">
        <pc:chgData name="Attila Mihály" userId="d20a1af6-0810-4be3-b281-5ed19be0cb74" providerId="ADAL" clId="{376E70E7-89F9-4453-AB98-1130EE3E00C9}" dt="2023-03-09T13:22:49.563" v="620" actId="6549"/>
        <pc:sldMkLst>
          <pc:docMk/>
          <pc:sldMk cId="3709959988" sldId="270"/>
        </pc:sldMkLst>
        <pc:spChg chg="mod">
          <ac:chgData name="Attila Mihály" userId="d20a1af6-0810-4be3-b281-5ed19be0cb74" providerId="ADAL" clId="{376E70E7-89F9-4453-AB98-1130EE3E00C9}" dt="2023-03-09T13:18:09.085" v="604" actId="20577"/>
          <ac:spMkLst>
            <pc:docMk/>
            <pc:sldMk cId="3709959988" sldId="270"/>
            <ac:spMk id="11" creationId="{2E8E8F9E-D1C4-4C6A-B250-14307A886012}"/>
          </ac:spMkLst>
        </pc:spChg>
        <pc:picChg chg="add del mod">
          <ac:chgData name="Attila Mihály" userId="d20a1af6-0810-4be3-b281-5ed19be0cb74" providerId="ADAL" clId="{376E70E7-89F9-4453-AB98-1130EE3E00C9}" dt="2023-02-28T10:01:58.446" v="58"/>
          <ac:picMkLst>
            <pc:docMk/>
            <pc:sldMk cId="3709959988" sldId="270"/>
            <ac:picMk id="2" creationId="{415A74F1-EF1C-3FBA-946A-F2505B6C7F1D}"/>
          </ac:picMkLst>
        </pc:picChg>
      </pc:sldChg>
      <pc:sldChg chg="addSp delSp modSp mod modClrScheme chgLayout">
        <pc:chgData name="Attila Mihály" userId="d20a1af6-0810-4be3-b281-5ed19be0cb74" providerId="ADAL" clId="{376E70E7-89F9-4453-AB98-1130EE3E00C9}" dt="2023-03-09T14:01:07.529" v="1235" actId="20577"/>
        <pc:sldMkLst>
          <pc:docMk/>
          <pc:sldMk cId="2604203220" sldId="272"/>
        </pc:sldMkLst>
        <pc:spChg chg="add mod ord">
          <ac:chgData name="Attila Mihály" userId="d20a1af6-0810-4be3-b281-5ed19be0cb74" providerId="ADAL" clId="{376E70E7-89F9-4453-AB98-1130EE3E00C9}" dt="2023-03-09T14:01:07.529" v="1235" actId="20577"/>
          <ac:spMkLst>
            <pc:docMk/>
            <pc:sldMk cId="2604203220" sldId="272"/>
            <ac:spMk id="2" creationId="{B18B92FF-5F25-6FEE-0447-3DBBB13B46D3}"/>
          </ac:spMkLst>
        </pc:spChg>
        <pc:spChg chg="add mod">
          <ac:chgData name="Attila Mihály" userId="d20a1af6-0810-4be3-b281-5ed19be0cb74" providerId="ADAL" clId="{376E70E7-89F9-4453-AB98-1130EE3E00C9}" dt="2023-02-28T16:03:49.919" v="119" actId="1076"/>
          <ac:spMkLst>
            <pc:docMk/>
            <pc:sldMk cId="2604203220" sldId="272"/>
            <ac:spMk id="3" creationId="{42AC1D6A-7E21-D7A8-7042-8D5A19F676CA}"/>
          </ac:spMkLst>
        </pc:spChg>
        <pc:spChg chg="mod ord">
          <ac:chgData name="Attila Mihály" userId="d20a1af6-0810-4be3-b281-5ed19be0cb74" providerId="ADAL" clId="{376E70E7-89F9-4453-AB98-1130EE3E00C9}" dt="2023-02-28T16:01:55.364" v="102" actId="700"/>
          <ac:spMkLst>
            <pc:docMk/>
            <pc:sldMk cId="2604203220" sldId="272"/>
            <ac:spMk id="4" creationId="{306D82EC-811D-454E-9DFF-2EEC63AD50B4}"/>
          </ac:spMkLst>
        </pc:spChg>
        <pc:spChg chg="del mod ord">
          <ac:chgData name="Attila Mihály" userId="d20a1af6-0810-4be3-b281-5ed19be0cb74" providerId="ADAL" clId="{376E70E7-89F9-4453-AB98-1130EE3E00C9}" dt="2023-02-28T16:01:55.364" v="102" actId="700"/>
          <ac:spMkLst>
            <pc:docMk/>
            <pc:sldMk cId="2604203220" sldId="272"/>
            <ac:spMk id="5" creationId="{80CFE1E9-2446-4327-A152-D121E1DA7E83}"/>
          </ac:spMkLst>
        </pc:spChg>
        <pc:graphicFrameChg chg="add mod">
          <ac:chgData name="Attila Mihály" userId="d20a1af6-0810-4be3-b281-5ed19be0cb74" providerId="ADAL" clId="{376E70E7-89F9-4453-AB98-1130EE3E00C9}" dt="2023-02-28T16:03:57.625" v="120" actId="14100"/>
          <ac:graphicFrameMkLst>
            <pc:docMk/>
            <pc:sldMk cId="2604203220" sldId="272"/>
            <ac:graphicFrameMk id="6" creationId="{334C2326-F898-CA6B-6D4F-4358BC9848B3}"/>
          </ac:graphicFrameMkLst>
        </pc:graphicFrameChg>
      </pc:sldChg>
      <pc:sldChg chg="addSp modSp new mod">
        <pc:chgData name="Attila Mihály" userId="d20a1af6-0810-4be3-b281-5ed19be0cb74" providerId="ADAL" clId="{376E70E7-89F9-4453-AB98-1130EE3E00C9}" dt="2023-03-09T14:00:56.142" v="1221" actId="20577"/>
        <pc:sldMkLst>
          <pc:docMk/>
          <pc:sldMk cId="2303747461" sldId="273"/>
        </pc:sldMkLst>
        <pc:spChg chg="mod">
          <ac:chgData name="Attila Mihály" userId="d20a1af6-0810-4be3-b281-5ed19be0cb74" providerId="ADAL" clId="{376E70E7-89F9-4453-AB98-1130EE3E00C9}" dt="2023-02-28T19:29:26.711" v="459"/>
          <ac:spMkLst>
            <pc:docMk/>
            <pc:sldMk cId="2303747461" sldId="273"/>
            <ac:spMk id="2" creationId="{A35AD5C6-092C-ACD7-A101-50FC339F93B3}"/>
          </ac:spMkLst>
        </pc:spChg>
        <pc:spChg chg="mod">
          <ac:chgData name="Attila Mihály" userId="d20a1af6-0810-4be3-b281-5ed19be0cb74" providerId="ADAL" clId="{376E70E7-89F9-4453-AB98-1130EE3E00C9}" dt="2023-03-09T14:00:56.142" v="1221" actId="20577"/>
          <ac:spMkLst>
            <pc:docMk/>
            <pc:sldMk cId="2303747461" sldId="273"/>
            <ac:spMk id="3" creationId="{1C41E020-6106-D824-01F3-763F39720C5D}"/>
          </ac:spMkLst>
        </pc:spChg>
        <pc:spChg chg="add mod">
          <ac:chgData name="Attila Mihály" userId="d20a1af6-0810-4be3-b281-5ed19be0cb74" providerId="ADAL" clId="{376E70E7-89F9-4453-AB98-1130EE3E00C9}" dt="2023-03-09T13:19:35.830" v="607" actId="1076"/>
          <ac:spMkLst>
            <pc:docMk/>
            <pc:sldMk cId="2303747461" sldId="273"/>
            <ac:spMk id="4" creationId="{847A5ADC-514D-114E-9CE3-0885A10CE183}"/>
          </ac:spMkLst>
        </pc:spChg>
        <pc:graphicFrameChg chg="add mod">
          <ac:chgData name="Attila Mihály" userId="d20a1af6-0810-4be3-b281-5ed19be0cb74" providerId="ADAL" clId="{376E70E7-89F9-4453-AB98-1130EE3E00C9}" dt="2023-03-09T13:20:17.330" v="616" actId="1036"/>
          <ac:graphicFrameMkLst>
            <pc:docMk/>
            <pc:sldMk cId="2303747461" sldId="273"/>
            <ac:graphicFrameMk id="5" creationId="{381FB51E-C2F5-20DF-2B6D-EA43422F552F}"/>
          </ac:graphicFrameMkLst>
        </pc:graphicFrameChg>
      </pc:sldChg>
      <pc:sldChg chg="addSp modSp add mod">
        <pc:chgData name="Attila Mihály" userId="d20a1af6-0810-4be3-b281-5ed19be0cb74" providerId="ADAL" clId="{376E70E7-89F9-4453-AB98-1130EE3E00C9}" dt="2023-03-09T13:57:03.904" v="1053"/>
        <pc:sldMkLst>
          <pc:docMk/>
          <pc:sldMk cId="3569229440" sldId="274"/>
        </pc:sldMkLst>
        <pc:spChg chg="mod">
          <ac:chgData name="Attila Mihály" userId="d20a1af6-0810-4be3-b281-5ed19be0cb74" providerId="ADAL" clId="{376E70E7-89F9-4453-AB98-1130EE3E00C9}" dt="2023-03-09T13:08:28.534" v="578" actId="20577"/>
          <ac:spMkLst>
            <pc:docMk/>
            <pc:sldMk cId="3569229440" sldId="274"/>
            <ac:spMk id="2" creationId="{A35AD5C6-092C-ACD7-A101-50FC339F93B3}"/>
          </ac:spMkLst>
        </pc:spChg>
        <pc:spChg chg="mod">
          <ac:chgData name="Attila Mihály" userId="d20a1af6-0810-4be3-b281-5ed19be0cb74" providerId="ADAL" clId="{376E70E7-89F9-4453-AB98-1130EE3E00C9}" dt="2023-03-09T13:54:46.370" v="1049" actId="20577"/>
          <ac:spMkLst>
            <pc:docMk/>
            <pc:sldMk cId="3569229440" sldId="274"/>
            <ac:spMk id="3" creationId="{1C41E020-6106-D824-01F3-763F39720C5D}"/>
          </ac:spMkLst>
        </pc:spChg>
        <pc:graphicFrameChg chg="add mod">
          <ac:chgData name="Attila Mihály" userId="d20a1af6-0810-4be3-b281-5ed19be0cb74" providerId="ADAL" clId="{376E70E7-89F9-4453-AB98-1130EE3E00C9}" dt="2023-03-09T13:57:03.904" v="1053"/>
          <ac:graphicFrameMkLst>
            <pc:docMk/>
            <pc:sldMk cId="3569229440" sldId="274"/>
            <ac:graphicFrameMk id="4" creationId="{A8F0D9BA-F4E7-3AEF-0544-7AF32ABDF977}"/>
          </ac:graphicFrameMkLst>
        </pc:graphicFrameChg>
      </pc:sldChg>
      <pc:sldMasterChg chg="modSldLayout">
        <pc:chgData name="Attila Mihály" userId="d20a1af6-0810-4be3-b281-5ed19be0cb74" providerId="ADAL" clId="{376E70E7-89F9-4453-AB98-1130EE3E00C9}" dt="2023-03-09T13:01:07.605" v="503" actId="20577"/>
        <pc:sldMasterMkLst>
          <pc:docMk/>
          <pc:sldMasterMk cId="2523064765" sldId="2147483660"/>
        </pc:sldMasterMkLst>
        <pc:sldLayoutChg chg="modSp mod">
          <pc:chgData name="Attila Mihály" userId="d20a1af6-0810-4be3-b281-5ed19be0cb74" providerId="ADAL" clId="{376E70E7-89F9-4453-AB98-1130EE3E00C9}" dt="2023-03-09T13:01:07.547" v="46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Attila Mihály" userId="d20a1af6-0810-4be3-b281-5ed19be0cb74" providerId="ADAL" clId="{376E70E7-89F9-4453-AB98-1130EE3E00C9}" dt="2023-03-09T13:01:07.547" v="46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Attila Mihály" userId="d20a1af6-0810-4be3-b281-5ed19be0cb74" providerId="ADAL" clId="{376E70E7-89F9-4453-AB98-1130EE3E00C9}" dt="2023-03-09T13:01:07.564" v="47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Attila Mihály" userId="d20a1af6-0810-4be3-b281-5ed19be0cb74" providerId="ADAL" clId="{376E70E7-89F9-4453-AB98-1130EE3E00C9}" dt="2023-03-09T13:01:07.564" v="47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Attila Mihály" userId="d20a1af6-0810-4be3-b281-5ed19be0cb74" providerId="ADAL" clId="{376E70E7-89F9-4453-AB98-1130EE3E00C9}" dt="2023-03-09T13:01:07.580" v="487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Attila Mihály" userId="d20a1af6-0810-4be3-b281-5ed19be0cb74" providerId="ADAL" clId="{376E70E7-89F9-4453-AB98-1130EE3E00C9}" dt="2023-03-09T13:01:07.580" v="487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Attila Mihály" userId="d20a1af6-0810-4be3-b281-5ed19be0cb74" providerId="ADAL" clId="{376E70E7-89F9-4453-AB98-1130EE3E00C9}" dt="2023-03-09T13:01:07.593" v="495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Attila Mihály" userId="d20a1af6-0810-4be3-b281-5ed19be0cb74" providerId="ADAL" clId="{376E70E7-89F9-4453-AB98-1130EE3E00C9}" dt="2023-03-09T13:01:07.593" v="495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Attila Mihály" userId="d20a1af6-0810-4be3-b281-5ed19be0cb74" providerId="ADAL" clId="{376E70E7-89F9-4453-AB98-1130EE3E00C9}" dt="2023-03-09T13:01:07.605" v="50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Attila Mihály" userId="d20a1af6-0810-4be3-b281-5ed19be0cb74" providerId="ADAL" clId="{376E70E7-89F9-4453-AB98-1130EE3E00C9}" dt="2023-03-09T13:01:07.605" v="50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Attila Mihály" userId="d20a1af6-0810-4be3-b281-5ed19be0cb74" providerId="ADAL" clId="{376E70E7-89F9-4453-AB98-1130EE3E00C9}" dt="2023-03-09T13:01:07.598" v="49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Attila Mihály" userId="d20a1af6-0810-4be3-b281-5ed19be0cb74" providerId="ADAL" clId="{376E70E7-89F9-4453-AB98-1130EE3E00C9}" dt="2023-03-09T13:01:07.598" v="49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Attila Mihály" userId="d20a1af6-0810-4be3-b281-5ed19be0cb74" providerId="ADAL" clId="{376E70E7-89F9-4453-AB98-1130EE3E00C9}" dt="2023-03-09T13:01:07.575" v="483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Attila Mihály" userId="d20a1af6-0810-4be3-b281-5ed19be0cb74" providerId="ADAL" clId="{376E70E7-89F9-4453-AB98-1130EE3E00C9}" dt="2023-03-09T13:01:07.575" v="483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Attila Mihály" userId="d20a1af6-0810-4be3-b281-5ed19be0cb74" providerId="ADAL" clId="{376E70E7-89F9-4453-AB98-1130EE3E00C9}" dt="2023-03-09T13:01:07.587" v="491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Attila Mihály" userId="d20a1af6-0810-4be3-b281-5ed19be0cb74" providerId="ADAL" clId="{376E70E7-89F9-4453-AB98-1130EE3E00C9}" dt="2023-03-09T13:01:07.587" v="491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Attila Mihály" userId="d20a1af6-0810-4be3-b281-5ed19be0cb74" providerId="ADAL" clId="{376E70E7-89F9-4453-AB98-1130EE3E00C9}" dt="2023-03-09T13:01:07.569" v="479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Attila Mihály" userId="d20a1af6-0810-4be3-b281-5ed19be0cb74" providerId="ADAL" clId="{376E70E7-89F9-4453-AB98-1130EE3E00C9}" dt="2023-03-09T13:01:07.569" v="479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Attila Mihály" userId="d20a1af6-0810-4be3-b281-5ed19be0cb74" providerId="ADAL" clId="{376E70E7-89F9-4453-AB98-1130EE3E00C9}" dt="2023-03-09T13:01:07.553" v="467" actId="20577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Attila Mihály" userId="d20a1af6-0810-4be3-b281-5ed19be0cb74" providerId="ADAL" clId="{376E70E7-89F9-4453-AB98-1130EE3E00C9}" dt="2023-03-09T13:01:07.553" v="467" actId="20577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Attila Mihály" userId="d20a1af6-0810-4be3-b281-5ed19be0cb74" providerId="ADAL" clId="{376E70E7-89F9-4453-AB98-1130EE3E00C9}" dt="2023-03-09T13:01:07.557" v="471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Attila Mihály" userId="d20a1af6-0810-4be3-b281-5ed19be0cb74" providerId="ADAL" clId="{376E70E7-89F9-4453-AB98-1130EE3E00C9}" dt="2023-03-09T13:01:07.557" v="471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9362382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fontAlgn="t"/>
            <a:endParaRPr lang="en-US" dirty="0">
              <a:effectLst/>
            </a:endParaRPr>
          </a:p>
          <a:p>
            <a:pPr algn="l" rtl="0" fontAlgn="base"/>
            <a:r>
              <a:rPr lang="en-US" sz="1800" b="0" i="0" dirty="0">
                <a:effectLst/>
                <a:latin typeface="Arial" panose="020B0604020202020204" pitchFamily="34" charset="0"/>
              </a:rPr>
              <a:t> </a:t>
            </a:r>
            <a:endParaRPr lang="en-US" b="0" i="0" dirty="0">
              <a:effectLst/>
            </a:endParaRPr>
          </a:p>
          <a:p>
            <a:pPr algn="l" rtl="0" fontAlgn="base"/>
            <a:r>
              <a:rPr lang="en-US" sz="1800" b="0" i="0" dirty="0">
                <a:effectLst/>
                <a:latin typeface="Arial" panose="020B0604020202020204" pitchFamily="34" charset="0"/>
              </a:rPr>
              <a:t>. Proposal B impacts EASDF heavily. Tech issue 2 should only propose 1 solution (PCF or UDM) but not both. EN for Tech issue #6 misses the goal to preserve privacy. Tech issue #3 does not deal with the structured information need (there could be issues related to how to handle policy updates and send PCC info per service) </a:t>
            </a:r>
            <a:endParaRPr lang="en-US" b="0" i="0" dirty="0">
              <a:effectLst/>
            </a:endParaRPr>
          </a:p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7102368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GB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35282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AMY Attila Mihály  |  2023-02-28  |  Ericsson Confidential  |  Page </a:t>
            </a:r>
            <a:fld id="{6848E50F-1EAD-4907-A78F-075ED4C28094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35282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AMY Attila Mihály  |  2023-02-28  |  Ericsson Confidential  |  Page </a:t>
            </a:r>
            <a:fld id="{44DC9F6A-D93F-4CA1-95DA-EDF92B6989F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35282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AMY Attila Mihály  |  2023-02-28  |  Ericsson Confidential  |  Page </a:t>
            </a:r>
            <a:fld id="{8398C471-979D-4792-A45A-06EAF80F26C7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dirty="0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 dirty="0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 dirty="0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 dirty="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421638" y="6524625"/>
            <a:ext cx="35282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AMY Attila Mihály  |  2023-02-28  |  Ericsson Confidential  |  Page </a:t>
            </a:r>
            <a:fld id="{5F38C992-33EE-449A-80D8-6974DE00D8B5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03FD5EF-20DB-46AB-B412-DF9112353719}"/>
              </a:ext>
            </a:extLst>
          </p:cNvPr>
          <p:cNvSpPr txBox="1"/>
          <p:nvPr userDrawn="1"/>
        </p:nvSpPr>
        <p:spPr>
          <a:xfrm>
            <a:off x="421638" y="6524625"/>
            <a:ext cx="35282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AMY Attila Mihály  |  2023-02-28  |  Ericsson Confidential  |  Page </a:t>
            </a:r>
            <a:fld id="{E5DA226C-A7C9-4D20-96DF-197344B91CFA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35282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AMY Attila Mihály  |  2023-02-28  |  Ericsson Confidential  |  Page </a:t>
            </a:r>
            <a:fld id="{1AA743F1-623E-4EC1-A073-DB55126D49FA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35282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AMY Attila Mihály  |  2023-02-28  |  Ericsson Confidential  |  Page </a:t>
            </a:r>
            <a:fld id="{80E20D5B-EEF3-4232-9EB6-6CB0803265CA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35282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AMY Attila Mihály  |  2023-02-28  |  Ericsson Confidential  |  Page </a:t>
            </a:r>
            <a:fld id="{9DE7072E-60D2-43FE-B432-41682C6ACEA7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35282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AMY Attila Mihály  |  2023-02-28  |  Ericsson Confidential  |  Page </a:t>
            </a:r>
            <a:fld id="{61F164E5-CE37-427B-9093-29114D58A6D7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35282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AMY Attila Mihály  |  2023-02-28  |  Ericsson Confidential  |  Page </a:t>
            </a:r>
            <a:fld id="{3AE74D2E-4D7D-475E-A559-725B4DF04F0F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35282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AMY Attila Mihály  |  2023-02-28  |  Ericsson Confidential  |  Page </a:t>
            </a:r>
            <a:fld id="{77F4DBA0-A233-48D4-973D-3F06E3B54791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CFCA6C0-C300-46F3-8D05-D936BF801E7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7" r:id="rId2"/>
    <p:sldLayoutId id="2147483709" r:id="rId3"/>
    <p:sldLayoutId id="2147483673" r:id="rId4"/>
    <p:sldLayoutId id="2147483706" r:id="rId5"/>
    <p:sldLayoutId id="2147483694" r:id="rId6"/>
    <p:sldLayoutId id="2147483675" r:id="rId7"/>
    <p:sldLayoutId id="2147483696" r:id="rId8"/>
    <p:sldLayoutId id="2147483678" r:id="rId9"/>
    <p:sldLayoutId id="2147483690" r:id="rId10"/>
    <p:sldLayoutId id="2147483681" r:id="rId11"/>
    <p:sldLayoutId id="2147483692" r:id="rId12"/>
    <p:sldLayoutId id="2147483705" r:id="rId1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5.emf"/><Relationship Id="rId4" Type="http://schemas.openxmlformats.org/officeDocument/2006/relationships/package" Target="../embeddings/Microsoft_Visio_Drawing.vsdx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package" Target="../embeddings/Microsoft_Visio_Drawing1.vsdx"/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emf"/><Relationship Id="rId2" Type="http://schemas.openxmlformats.org/officeDocument/2006/relationships/package" Target="../embeddings/Microsoft_Visio_Drawing2.vsdx"/><Relationship Id="rId1" Type="http://schemas.openxmlformats.org/officeDocument/2006/relationships/slideLayout" Target="../slideLayouts/slideLayout5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ln>
            <a:noFill/>
          </a:ln>
        </p:spPr>
        <p:txBody>
          <a:bodyPr/>
          <a:lstStyle/>
          <a:p>
            <a:r>
              <a:rPr lang="en-US" dirty="0"/>
              <a:t>HR-SBO: Overlapping UE IP addresses for V-EASDF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ln>
            <a:noFill/>
          </a:ln>
        </p:spPr>
        <p:txBody>
          <a:bodyPr/>
          <a:lstStyle/>
          <a:p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ln>
            <a:noFill/>
          </a:ln>
        </p:spPr>
        <p:txBody>
          <a:bodyPr/>
          <a:lstStyle/>
          <a:p>
            <a:endParaRPr lang="en-US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  <a:ln>
            <a:noFill/>
          </a:ln>
        </p:spPr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  <a:ln>
            <a:noFill/>
          </a:ln>
        </p:spPr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ground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2E8E8F9E-D1C4-4C6A-B250-14307A886012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S2-2302704 includes the proposed changes to KI#1 HR-SBO solution from SA2#155, with the following EN:</a:t>
            </a:r>
          </a:p>
          <a:p>
            <a:pPr lvl="1"/>
            <a:r>
              <a:rPr lang="en-US" dirty="0">
                <a:solidFill>
                  <a:srgbClr val="FF0000"/>
                </a:solidFill>
              </a:rPr>
              <a:t>Editor’s note: It is FFS how to route the DNS traffic between the UE and the V-EASDF where multiple DNN networks with the same IP address range are deployed in different HPLMNs or in the same HPLMN</a:t>
            </a:r>
          </a:p>
          <a:p>
            <a:r>
              <a:rPr lang="en-US" dirty="0"/>
              <a:t>There have been 3 proposals to handle the issue:</a:t>
            </a:r>
          </a:p>
          <a:p>
            <a:pPr marL="722313" lvl="1" indent="-457200">
              <a:buFont typeface="+mj-lt"/>
              <a:buAutoNum type="alphaUcPeriod"/>
            </a:pPr>
            <a:r>
              <a:rPr lang="en-US" dirty="0"/>
              <a:t>Separate the local part of DN corresponding to the HPLMN DN (S2-2302771)</a:t>
            </a:r>
          </a:p>
          <a:p>
            <a:pPr marL="722313" lvl="1" indent="-457200">
              <a:buFont typeface="+mj-lt"/>
              <a:buAutoNum type="alphaUcPeriod"/>
            </a:pPr>
            <a:r>
              <a:rPr lang="en-US" dirty="0"/>
              <a:t>Apply N6 routing tunnel between the L-UPF and V-EASDF(S2-2302771)</a:t>
            </a:r>
          </a:p>
          <a:p>
            <a:pPr marL="722313" lvl="1" indent="-457200">
              <a:buFont typeface="+mj-lt"/>
              <a:buAutoNum type="alphaUcPeriod"/>
            </a:pPr>
            <a:r>
              <a:rPr lang="en-US" dirty="0"/>
              <a:t>Translate DNS query to unique IP address towards the V-EASDF (S2-2302335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99599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en-US" dirty="0"/>
              <a:t>A. Separate the local part of DN corresponding to the HPLMN DN</a:t>
            </a:r>
            <a:br>
              <a:rPr lang="en-US" dirty="0"/>
            </a:br>
            <a:endParaRPr lang="en-US" dirty="0"/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B18B92FF-5F25-6FEE-0447-3DBBB13B46D3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4514849"/>
            <a:ext cx="11233150" cy="1722437"/>
          </a:xfrm>
        </p:spPr>
        <p:txBody>
          <a:bodyPr>
            <a:normAutofit fontScale="92500" lnSpcReduction="20000"/>
          </a:bodyPr>
          <a:lstStyle/>
          <a:p>
            <a:r>
              <a:rPr lang="en-US" dirty="0"/>
              <a:t>SMF selects different Local UPF based on the DNN, S-NSSAI, HPLMN ID and IP Domain</a:t>
            </a:r>
          </a:p>
          <a:p>
            <a:r>
              <a:rPr lang="en-US" dirty="0"/>
              <a:t>Impacts: </a:t>
            </a:r>
          </a:p>
          <a:p>
            <a:pPr lvl="1"/>
            <a:r>
              <a:rPr lang="en-US" dirty="0"/>
              <a:t>IP domain of HPLMN is not known by VPLMN </a:t>
            </a:r>
            <a:r>
              <a:rPr lang="en-US" dirty="0">
                <a:sym typeface="Wingdings" panose="05000000000000000000" pitchFamily="2" charset="2"/>
              </a:rPr>
              <a:t> solution is not complete</a:t>
            </a:r>
          </a:p>
          <a:p>
            <a:pPr lvl="1"/>
            <a:r>
              <a:rPr lang="en-US" dirty="0"/>
              <a:t>Multiple logical UPFs and V-EASDFs </a:t>
            </a:r>
            <a:r>
              <a:rPr lang="en-US" dirty="0">
                <a:sym typeface="Wingdings" panose="05000000000000000000" pitchFamily="2" charset="2"/>
              </a:rPr>
              <a:t>scalability</a:t>
            </a:r>
          </a:p>
          <a:p>
            <a:pPr lvl="1"/>
            <a:r>
              <a:rPr lang="en-US" dirty="0" err="1">
                <a:sym typeface="Wingdings" panose="05000000000000000000" pitchFamily="2" charset="2"/>
              </a:rPr>
              <a:t>DNSContext</a:t>
            </a:r>
            <a:r>
              <a:rPr lang="en-US" dirty="0">
                <a:sym typeface="Wingdings" panose="05000000000000000000" pitchFamily="2" charset="2"/>
              </a:rPr>
              <a:t> Create/Update to create context w/out UE IP address</a:t>
            </a:r>
            <a:endParaRPr lang="en-US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42AC1D6A-7E21-D7A8-7042-8D5A19F676CA}"/>
              </a:ext>
            </a:extLst>
          </p:cNvPr>
          <p:cNvSpPr>
            <a:spLocks noChangeArrowheads="1"/>
          </p:cNvSpPr>
          <p:nvPr/>
        </p:nvSpPr>
        <p:spPr bwMode="auto">
          <a:xfrm>
            <a:off x="3867150" y="1209675"/>
            <a:ext cx="12192000" cy="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US"/>
          </a:p>
        </p:txBody>
      </p:sp>
      <p:graphicFrame>
        <p:nvGraphicFramePr>
          <p:cNvPr id="6" name="Object 5">
            <a:extLst>
              <a:ext uri="{FF2B5EF4-FFF2-40B4-BE49-F238E27FC236}">
                <a16:creationId xmlns:a16="http://schemas.microsoft.com/office/drawing/2014/main" id="{334C2326-F898-CA6B-6D4F-4358BC9848B3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1213108526"/>
              </p:ext>
            </p:extLst>
          </p:nvPr>
        </p:nvGraphicFramePr>
        <p:xfrm>
          <a:off x="3867149" y="1209674"/>
          <a:ext cx="6829931" cy="2957509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Visio" r:id="rId4" imgW="9639360" imgH="4160552" progId="Visio.Drawing.15">
                  <p:embed/>
                </p:oleObj>
              </mc:Choice>
              <mc:Fallback>
                <p:oleObj name="Visio" r:id="rId4" imgW="9639360" imgH="4160552" progId="Visio.Drawing.15">
                  <p:embed/>
                  <p:pic>
                    <p:nvPicPr>
                      <p:cNvPr id="6" name="Object 5">
                        <a:extLst>
                          <a:ext uri="{FF2B5EF4-FFF2-40B4-BE49-F238E27FC236}">
                            <a16:creationId xmlns:a16="http://schemas.microsoft.com/office/drawing/2014/main" id="{334C2326-F898-CA6B-6D4F-4358BC9848B3}"/>
                          </a:ext>
                        </a:extLst>
                      </p:cNvPr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5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3867149" y="1209674"/>
                        <a:ext cx="6829931" cy="2957509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35AD5C6-092C-ACD7-A101-50FC339F93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. Apply N6 routing tunnel between the L-UPF and V-EASDF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C41E020-6106-D824-01F3-763F39720C5D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4066088"/>
            <a:ext cx="11233150" cy="2315653"/>
          </a:xfrm>
        </p:spPr>
        <p:txBody>
          <a:bodyPr>
            <a:normAutofit fontScale="77500" lnSpcReduction="20000"/>
          </a:bodyPr>
          <a:lstStyle/>
          <a:p>
            <a:r>
              <a:rPr lang="en-US" dirty="0"/>
              <a:t>V-SMF makes a N6 routing tunnel between the Local UPF and the V-EASDF for routing DNS traffic between the UE and the V-EASDF</a:t>
            </a:r>
          </a:p>
          <a:p>
            <a:r>
              <a:rPr lang="en-US" dirty="0"/>
              <a:t>Impacts:</a:t>
            </a:r>
          </a:p>
          <a:p>
            <a:pPr lvl="1"/>
            <a:r>
              <a:rPr lang="en-US" dirty="0"/>
              <a:t>Support of tunnelling in V-EASDF</a:t>
            </a:r>
          </a:p>
          <a:p>
            <a:pPr lvl="1"/>
            <a:r>
              <a:rPr lang="en-US" dirty="0"/>
              <a:t>N6 routing on UPF</a:t>
            </a:r>
          </a:p>
          <a:p>
            <a:pPr lvl="1"/>
            <a:r>
              <a:rPr lang="en-US" dirty="0" err="1"/>
              <a:t>DNSContext</a:t>
            </a:r>
            <a:r>
              <a:rPr lang="en-US" dirty="0"/>
              <a:t> service: </a:t>
            </a:r>
          </a:p>
          <a:p>
            <a:pPr lvl="2"/>
            <a:r>
              <a:rPr lang="en-US" dirty="0">
                <a:sym typeface="Wingdings" panose="05000000000000000000" pitchFamily="2" charset="2"/>
              </a:rPr>
              <a:t>To create context w/out UE IP address</a:t>
            </a:r>
          </a:p>
          <a:p>
            <a:pPr lvl="2"/>
            <a:r>
              <a:rPr lang="en-US" dirty="0">
                <a:sym typeface="Wingdings" panose="05000000000000000000" pitchFamily="2" charset="2"/>
              </a:rPr>
              <a:t>To configure tunnel info to EASDF</a:t>
            </a:r>
            <a:endParaRPr lang="en-US" dirty="0"/>
          </a:p>
        </p:txBody>
      </p:sp>
      <p:sp>
        <p:nvSpPr>
          <p:cNvPr id="4" name="Rectangle 2">
            <a:extLst>
              <a:ext uri="{FF2B5EF4-FFF2-40B4-BE49-F238E27FC236}">
                <a16:creationId xmlns:a16="http://schemas.microsoft.com/office/drawing/2014/main" id="{847A5ADC-514D-114E-9CE3-0885A10CE183}"/>
              </a:ext>
            </a:extLst>
          </p:cNvPr>
          <p:cNvSpPr>
            <a:spLocks noChangeArrowheads="1"/>
          </p:cNvSpPr>
          <p:nvPr/>
        </p:nvSpPr>
        <p:spPr bwMode="auto">
          <a:xfrm>
            <a:off x="4028536" y="1043797"/>
            <a:ext cx="12192000" cy="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US"/>
          </a:p>
        </p:txBody>
      </p:sp>
      <p:graphicFrame>
        <p:nvGraphicFramePr>
          <p:cNvPr id="5" name="Object 4">
            <a:extLst>
              <a:ext uri="{FF2B5EF4-FFF2-40B4-BE49-F238E27FC236}">
                <a16:creationId xmlns:a16="http://schemas.microsoft.com/office/drawing/2014/main" id="{381FB51E-C2F5-20DF-2B6D-EA43422F552F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3301737199"/>
              </p:ext>
            </p:extLst>
          </p:nvPr>
        </p:nvGraphicFramePr>
        <p:xfrm>
          <a:off x="4028536" y="1121431"/>
          <a:ext cx="6115050" cy="2867025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Visio" r:id="rId2" imgW="9639360" imgH="4511029" progId="Visio.Drawing.15">
                  <p:embed/>
                </p:oleObj>
              </mc:Choice>
              <mc:Fallback>
                <p:oleObj name="Visio" r:id="rId2" imgW="9639360" imgH="4511029" progId="Visio.Drawing.15">
                  <p:embed/>
                  <p:pic>
                    <p:nvPicPr>
                      <p:cNvPr id="5" name="Object 4">
                        <a:extLst>
                          <a:ext uri="{FF2B5EF4-FFF2-40B4-BE49-F238E27FC236}">
                            <a16:creationId xmlns:a16="http://schemas.microsoft.com/office/drawing/2014/main" id="{381FB51E-C2F5-20DF-2B6D-EA43422F552F}"/>
                          </a:ext>
                        </a:extLst>
                      </p:cNvPr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3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4028536" y="1121431"/>
                        <a:ext cx="6115050" cy="2867025"/>
                      </a:xfrm>
                      <a:prstGeom prst="rect">
                        <a:avLst/>
                      </a:prstGeom>
                      <a:noFill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</a:extLst>
                    </p:spPr>
                  </p:pic>
                </p:oleObj>
              </mc:Fallback>
            </mc:AlternateContent>
          </a:graphicData>
        </a:graphic>
      </p:graphicFrame>
    </p:spTree>
    <p:extLst>
      <p:ext uri="{BB962C8B-B14F-4D97-AF65-F5344CB8AC3E}">
        <p14:creationId xmlns:p14="http://schemas.microsoft.com/office/powerpoint/2010/main" val="230374746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35AD5C6-092C-ACD7-A101-50FC339F93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. Translate DNS query to unique IP address towards the V-EASDF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C41E020-6106-D824-01F3-763F39720C5D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3989388"/>
            <a:ext cx="11233150" cy="2392362"/>
          </a:xfrm>
        </p:spPr>
        <p:txBody>
          <a:bodyPr>
            <a:normAutofit fontScale="85000" lnSpcReduction="20000"/>
          </a:bodyPr>
          <a:lstStyle/>
          <a:p>
            <a:r>
              <a:rPr lang="en-US" dirty="0"/>
              <a:t>Local PSA UPF for the UE DNS traffic towards the V-EASDF translates the source UE IP address to a unique IP address towards the V-EASDF. Either V-SMF or Local PSA allocates the unique IP address</a:t>
            </a:r>
          </a:p>
          <a:p>
            <a:r>
              <a:rPr lang="en-US" dirty="0"/>
              <a:t>Impacts:</a:t>
            </a:r>
          </a:p>
          <a:p>
            <a:pPr lvl="1"/>
            <a:r>
              <a:rPr lang="en-US" dirty="0"/>
              <a:t>Source IP translator functionality in UPF</a:t>
            </a:r>
          </a:p>
          <a:p>
            <a:pPr lvl="1"/>
            <a:r>
              <a:rPr lang="en-US" dirty="0"/>
              <a:t>N4 for requesting IP translation </a:t>
            </a:r>
          </a:p>
          <a:p>
            <a:r>
              <a:rPr lang="en-US" dirty="0"/>
              <a:t>Notes: </a:t>
            </a:r>
          </a:p>
          <a:p>
            <a:pPr lvl="1"/>
            <a:r>
              <a:rPr lang="en-US" dirty="0"/>
              <a:t>Similar functionality already exists in the UPF for the translation of destination IP address</a:t>
            </a:r>
          </a:p>
          <a:p>
            <a:pPr lvl="1"/>
            <a:r>
              <a:rPr lang="en-US" dirty="0"/>
              <a:t>Translated IP address range need not be a public IP address range</a:t>
            </a:r>
          </a:p>
        </p:txBody>
      </p:sp>
      <p:graphicFrame>
        <p:nvGraphicFramePr>
          <p:cNvPr id="4" name="Object 3">
            <a:extLst>
              <a:ext uri="{FF2B5EF4-FFF2-40B4-BE49-F238E27FC236}">
                <a16:creationId xmlns:a16="http://schemas.microsoft.com/office/drawing/2014/main" id="{A8F0D9BA-F4E7-3AEF-0544-7AF32ABDF977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1549064624"/>
              </p:ext>
            </p:extLst>
          </p:nvPr>
        </p:nvGraphicFramePr>
        <p:xfrm>
          <a:off x="4029075" y="1119188"/>
          <a:ext cx="6115050" cy="287020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Visio" r:id="rId2" imgW="9639300" imgH="4514850" progId="Visio.Drawing.15">
                  <p:embed/>
                </p:oleObj>
              </mc:Choice>
              <mc:Fallback>
                <p:oleObj name="Visio" r:id="rId2" imgW="9639300" imgH="4514850" progId="Visio.Drawing.15">
                  <p:embed/>
                  <p:pic>
                    <p:nvPicPr>
                      <p:cNvPr id="4" name="Object 3">
                        <a:extLst>
                          <a:ext uri="{FF2B5EF4-FFF2-40B4-BE49-F238E27FC236}">
                            <a16:creationId xmlns:a16="http://schemas.microsoft.com/office/drawing/2014/main" id="{A8F0D9BA-F4E7-3AEF-0544-7AF32ABDF977}"/>
                          </a:ext>
                        </a:extLst>
                      </p:cNvPr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3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4029075" y="1119188"/>
                        <a:ext cx="6115050" cy="2870200"/>
                      </a:xfrm>
                      <a:prstGeom prst="rect">
                        <a:avLst/>
                      </a:prstGeom>
                      <a:noFill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</a:extLst>
                    </p:spPr>
                  </p:pic>
                </p:oleObj>
              </mc:Fallback>
            </mc:AlternateContent>
          </a:graphicData>
        </a:graphic>
      </p:graphicFrame>
    </p:spTree>
    <p:extLst>
      <p:ext uri="{BB962C8B-B14F-4D97-AF65-F5344CB8AC3E}">
        <p14:creationId xmlns:p14="http://schemas.microsoft.com/office/powerpoint/2010/main" val="356922944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5C7585-2A0C-FDE6-B1E8-F812BD37CB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valu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F159493-149E-EF5F-C1E5-C158E743D15B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All solutions have an impact on SMF</a:t>
            </a:r>
          </a:p>
          <a:p>
            <a:pPr marL="457200" indent="-457200">
              <a:buFont typeface="+mj-lt"/>
              <a:buAutoNum type="alphaUcPeriod"/>
            </a:pPr>
            <a:endParaRPr lang="en-US" dirty="0"/>
          </a:p>
          <a:p>
            <a:pPr marL="457200" indent="-457200">
              <a:buFont typeface="+mj-lt"/>
              <a:buAutoNum type="alphaUcPeriod"/>
            </a:pPr>
            <a:r>
              <a:rPr lang="en-US" dirty="0"/>
              <a:t>Is not complete and does not scale</a:t>
            </a:r>
          </a:p>
          <a:p>
            <a:pPr marL="457200" indent="-457200">
              <a:buFont typeface="+mj-lt"/>
              <a:buAutoNum type="alphaUcPeriod"/>
            </a:pPr>
            <a:r>
              <a:rPr lang="en-US" dirty="0"/>
              <a:t>Impacts EASDF and N6 routing on UPF</a:t>
            </a:r>
          </a:p>
          <a:p>
            <a:pPr marL="457200" indent="-457200">
              <a:buFont typeface="+mj-lt"/>
              <a:buAutoNum type="alphaUcPeriod"/>
            </a:pPr>
            <a:r>
              <a:rPr lang="en-US" dirty="0"/>
              <a:t>Has minimal impact on the UPF</a:t>
            </a:r>
          </a:p>
        </p:txBody>
      </p:sp>
    </p:spTree>
    <p:extLst>
      <p:ext uri="{BB962C8B-B14F-4D97-AF65-F5344CB8AC3E}">
        <p14:creationId xmlns:p14="http://schemas.microsoft.com/office/powerpoint/2010/main" val="127735866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661701761374254","enableDocumentContentUpdater":true,"version":"1.9"}]]></TemplafySlideTemplateConfiguration>
</file>

<file path=customXml/item15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tru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qVJBE+LLYknTb6tjcJnkEzwQ9oVQmfQUnx88jEZaf5w="},{"name":"ConfidentialityClass","value":"PxVEvJY8nE7m/hY9622Sng=="},{"name":"ExternalConfidentialityLabel","value":"cT/FOwTWaPknrhRlNMh4SQ=="},{"name":"DocTypePresentation","value":"QqwTzFuJcmfhiZLOoHSrmqZqoSVvHu1TgFtJFzuRGak="},{"name":"LanguageCode","value":"5wlu7ZdPxHQj1W0w+yTNSg=="},{"name":"Date","value":"cklAkLO+ZE7pAe1EdHKkHw=="},{"name":"TemplateType","value":"5wlu7ZdPxHQj1W0w+yTNSg=="},{"name":"DocTitle","value":"5wlu7ZdPxHQj1W0w+yTNSg=="},{"name":"TotalPageNo","value":"5wlu7ZdPxHQj1W0w+yTNSg=="},{"name":"Prepared","value":"YBuS3osw+c80byGbfkKqixBhlkr3MbyrjV97IqUEStM="}]}]]></Templafy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661701760905467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56F2EE69-0CCA-4F48-BE22-EC4A886C57A7}">
  <ds:schemaRefs>
    <ds:schemaRef ds:uri="http://purl.org/dc/dcmitype/"/>
    <ds:schemaRef ds:uri="http://www.w3.org/XML/1998/namespace"/>
    <ds:schemaRef ds:uri="92e1255f-bb7b-4dc9-b051-584cc104eb44"/>
    <ds:schemaRef ds:uri="http://schemas.microsoft.com/office/2006/documentManagement/types"/>
    <ds:schemaRef ds:uri="http://purl.org/dc/terms/"/>
    <ds:schemaRef ds:uri="a6550eff-0fc9-443f-8e77-72cbcf778382"/>
    <ds:schemaRef ds:uri="http://schemas.openxmlformats.org/package/2006/metadata/core-properties"/>
    <ds:schemaRef ds:uri="http://purl.org/dc/elements/1.1/"/>
    <ds:schemaRef ds:uri="http://schemas.microsoft.com/office/infopath/2007/PartnerControls"/>
    <ds:schemaRef ds:uri="http://schemas.microsoft.com/office/2006/metadata/properties"/>
  </ds:schemaRefs>
</ds:datastoreItem>
</file>

<file path=customXml/itemProps10.xml><?xml version="1.0" encoding="utf-8"?>
<ds:datastoreItem xmlns:ds="http://schemas.openxmlformats.org/officeDocument/2006/customXml" ds:itemID="{822D38AD-8010-4CD3-BD6B-117CB8DF70A4}">
  <ds:schemaRefs/>
</ds:datastoreItem>
</file>

<file path=customXml/itemProps11.xml><?xml version="1.0" encoding="utf-8"?>
<ds:datastoreItem xmlns:ds="http://schemas.openxmlformats.org/officeDocument/2006/customXml" ds:itemID="{683FEB75-8CFA-449C-A6B1-B1E4A86A58A1}">
  <ds:schemaRefs/>
</ds:datastoreItem>
</file>

<file path=customXml/itemProps12.xml><?xml version="1.0" encoding="utf-8"?>
<ds:datastoreItem xmlns:ds="http://schemas.openxmlformats.org/officeDocument/2006/customXml" ds:itemID="{847502A6-7CBE-43AF-BDF6-4D4423521D8C}">
  <ds:schemaRefs/>
</ds:datastoreItem>
</file>

<file path=customXml/itemProps13.xml><?xml version="1.0" encoding="utf-8"?>
<ds:datastoreItem xmlns:ds="http://schemas.openxmlformats.org/officeDocument/2006/customXml" ds:itemID="{03AF3FDC-ACD1-46F3-A43E-782322DF9816}">
  <ds:schemaRefs/>
</ds:datastoreItem>
</file>

<file path=customXml/itemProps14.xml><?xml version="1.0" encoding="utf-8"?>
<ds:datastoreItem xmlns:ds="http://schemas.openxmlformats.org/officeDocument/2006/customXml" ds:itemID="{1CE36EA9-2186-4EB1-871A-8AE59C2A13BB}">
  <ds:schemaRefs/>
</ds:datastoreItem>
</file>

<file path=customXml/itemProps15.xml><?xml version="1.0" encoding="utf-8"?>
<ds:datastoreItem xmlns:ds="http://schemas.openxmlformats.org/officeDocument/2006/customXml" ds:itemID="{58CC0B31-82B9-497A-9A2E-F3F72D0BBDAD}">
  <ds:schemaRefs/>
</ds:datastoreItem>
</file>

<file path=customXml/itemProps2.xml><?xml version="1.0" encoding="utf-8"?>
<ds:datastoreItem xmlns:ds="http://schemas.openxmlformats.org/officeDocument/2006/customXml" ds:itemID="{D92C3DF5-A179-4E2D-BD20-07044B39171F}">
  <ds:schemaRefs/>
</ds:datastoreItem>
</file>

<file path=customXml/itemProps3.xml><?xml version="1.0" encoding="utf-8"?>
<ds:datastoreItem xmlns:ds="http://schemas.openxmlformats.org/officeDocument/2006/customXml" ds:itemID="{C09F197C-6A49-47D0-B877-F88807989676}">
  <ds:schemaRefs/>
</ds:datastoreItem>
</file>

<file path=customXml/itemProps4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07958A4E-FAB1-42E4-B6B5-29B01F63F87B}">
  <ds:schemaRefs/>
</ds:datastoreItem>
</file>

<file path=customXml/itemProps6.xml><?xml version="1.0" encoding="utf-8"?>
<ds:datastoreItem xmlns:ds="http://schemas.openxmlformats.org/officeDocument/2006/customXml" ds:itemID="{B9AEDDE3-EA02-4A8F-B8F8-0606A0AA45FC}">
  <ds:schemaRefs/>
</ds:datastoreItem>
</file>

<file path=customXml/itemProps7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32BA7684-6BE4-4F73-B22E-30934AB379B8}">
  <ds:schemaRefs/>
</ds:datastoreItem>
</file>

<file path=customXml/itemProps9.xml><?xml version="1.0" encoding="utf-8"?>
<ds:datastoreItem xmlns:ds="http://schemas.openxmlformats.org/officeDocument/2006/customXml" ds:itemID="{72516535-7702-46AF-9B1F-8623A67A82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2443</TotalTime>
  <Words>439</Words>
  <Application>Microsoft Office PowerPoint</Application>
  <PresentationFormat>Widescreen</PresentationFormat>
  <Paragraphs>45</Paragraphs>
  <Slides>7</Slides>
  <Notes>3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5" baseType="lpstr">
      <vt:lpstr>Ericsson Technical Icons</vt:lpstr>
      <vt:lpstr>Arial</vt:lpstr>
      <vt:lpstr>Ericsson Hilda ExtraLight</vt:lpstr>
      <vt:lpstr>Ericsson Hilda ExtraBold</vt:lpstr>
      <vt:lpstr>Ericsson Hilda Light</vt:lpstr>
      <vt:lpstr>Ericsson Hilda</vt:lpstr>
      <vt:lpstr>PresentationTemplate2021</vt:lpstr>
      <vt:lpstr>Visio</vt:lpstr>
      <vt:lpstr>HR-SBO: Overlapping UE IP addresses for V-EASDF</vt:lpstr>
      <vt:lpstr>Background</vt:lpstr>
      <vt:lpstr>A. Separate the local part of DN corresponding to the HPLMN DN </vt:lpstr>
      <vt:lpstr>B. Apply N6 routing tunnel between the L-UPF and V-EASDF </vt:lpstr>
      <vt:lpstr>C. Translate DNS query to unique IP address towards the V-EASDF </vt:lpstr>
      <vt:lpstr>Evalu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verlapping IP addresses</dc:title>
  <dc:creator>ETHAMY Attila Mihály</dc:creator>
  <cp:keywords/>
  <dc:description>Rev</dc:description>
  <cp:lastModifiedBy>Magnus Olsson M</cp:lastModifiedBy>
  <cp:revision>144</cp:revision>
  <dcterms:created xsi:type="dcterms:W3CDTF">2019-04-23T15:12:54Z</dcterms:created>
  <dcterms:modified xsi:type="dcterms:W3CDTF">2023-04-04T10:29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1-09-22T11:18:46.6132967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04491862650010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Confidential</vt:lpwstr>
  </property>
  <property fmtid="{D5CDD505-2E9C-101B-9397-08002B2CF9AE}" pid="15" name="ExtConf">
    <vt:lpwstr>Commercial in Confidence</vt:lpwstr>
  </property>
  <property fmtid="{D5CDD505-2E9C-101B-9397-08002B2CF9AE}" pid="16" name="Prepared">
    <vt:lpwstr>ETHAMY Attila Mihály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3-02-28</vt:lpwstr>
  </property>
  <property fmtid="{D5CDD505-2E9C-101B-9397-08002B2CF9AE}" pid="21" name="Reference">
    <vt:lpwstr/>
  </property>
  <property fmtid="{D5CDD505-2E9C-101B-9397-08002B2CF9AE}" pid="22" name="Title">
    <vt:lpwstr>Overlapping IP addresses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>Technical Solution Descrip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